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7\③一般競争入札\3.告示起案（業務委託　２項目以上）\★告示用\210（地下鉄客室シートクリーニング）【高尾】\"/>
    </mc:Choice>
  </mc:AlternateContent>
  <xr:revisionPtr revIDLastSave="0" documentId="8_{D1D8FEBD-44D7-4D6D-8D36-6DB98AB0CB19}" xr6:coauthVersionLast="47" xr6:coauthVersionMax="47" xr10:uidLastSave="{00000000-0000-0000-0000-000000000000}"/>
  <bookViews>
    <workbookView xWindow="-120" yWindow="-120" windowWidth="29040" windowHeight="15840" xr2:uid="{5CCC23D6-FAD5-4C1B-A549-1FE26D04AB78}"/>
  </bookViews>
  <sheets>
    <sheet name="210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10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73" uniqueCount="38">
  <si>
    <t>名称№２１０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地下鉄客室シートクリーニング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南北線車両</t>
  </si>
  <si>
    <t>種別 1 A　一般席シート（3人掛け）</t>
  </si>
  <si>
    <t>本</t>
  </si>
  <si>
    <t>種別 1 B　一般席シート（3人掛け）</t>
  </si>
  <si>
    <t>種別 2 A　専用席シート（3人掛け）</t>
  </si>
  <si>
    <t>種別 2 B　専用席シート（3人掛け）</t>
  </si>
  <si>
    <t>東西線車両</t>
  </si>
  <si>
    <t>種別 1 A　一般席シート（5人掛け）</t>
  </si>
  <si>
    <t>種別 1 B　一般席シート（5人掛け）</t>
  </si>
  <si>
    <t>種別 2 A　一般席シート（4人掛け）</t>
  </si>
  <si>
    <t>種別 2 B　一般席シート（4人掛け）</t>
  </si>
  <si>
    <t>種別 3 A　専用席シート（4人掛け）</t>
  </si>
  <si>
    <t>種別 3 B　専用席シート（4人掛け）</t>
  </si>
  <si>
    <t>東豊線車両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芝井　静男　様</t>
    <rPh sb="1" eb="3">
      <t>コウツウ</t>
    </rPh>
    <rPh sb="3" eb="5">
      <t>キョクチョウ</t>
    </rPh>
    <rPh sb="6" eb="8">
      <t>シバイ</t>
    </rPh>
    <rPh sb="9" eb="11">
      <t>シズオ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177" fontId="4" fillId="0" borderId="14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0" xfId="0" applyFont="1" applyBorder="1" applyAlignment="1">
      <alignment horizontal="center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1" xfId="0" applyFont="1" applyBorder="1" applyAlignment="1">
      <alignment horizontal="center" vertical="center" shrinkToFit="1"/>
    </xf>
    <xf numFmtId="177" fontId="4" fillId="0" borderId="22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7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91FCE5FE-5C4C-493C-89C4-198B419E4C11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L21010-s-104\110&#32207;&#21209;&#35506;\112&#22865;&#32004;&#20418;\&#9670;&#21336;&#20385;&#22865;&#32004;\R7\&#9314;&#19968;&#33324;&#31478;&#20105;&#20837;&#26413;\3.&#21578;&#31034;&#36215;&#26696;&#65288;&#26989;&#21209;&#22996;&#35351;&#12288;&#65298;&#38917;&#30446;&#20197;&#19978;&#65289;\&#39640;&#23614;\&#20837;&#26413;&#26360;&#65288;&#26989;&#21209;&#65298;&#38917;&#30446;&#20197;&#19978;&#65289;&#8251;&#35336;&#31639;&#24335;&#12459;&#12483;&#12488;.xlsx" TargetMode="External"/><Relationship Id="rId1" Type="http://schemas.openxmlformats.org/officeDocument/2006/relationships/externalLinkPath" Target="/112&#22865;&#32004;&#20418;/&#9670;&#21336;&#20385;&#22865;&#32004;/R7/&#9314;&#19968;&#33324;&#31478;&#20105;&#20837;&#26413;/3.&#21578;&#31034;&#36215;&#26696;&#65288;&#26989;&#21209;&#22996;&#35351;&#12288;&#65298;&#38917;&#30446;&#20197;&#19978;&#65289;/&#39640;&#23614;/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204"/>
      <sheetName val="210"/>
      <sheetName val="211"/>
      <sheetName val="212"/>
      <sheetName val="214"/>
      <sheetName val="230"/>
      <sheetName val="238"/>
      <sheetName val="239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CFD185E-E015-4354-BA41-9626DFF19B9F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J8" sqref="J8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0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6.75" customHeight="1" x14ac:dyDescent="0.15">
      <c r="B2" s="7"/>
      <c r="C2" s="7"/>
      <c r="D2" s="8"/>
      <c r="E2" s="8"/>
      <c r="F2" s="9"/>
      <c r="G2" s="8"/>
      <c r="H2" s="8"/>
    </row>
    <row r="3" spans="1:10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0" ht="36.75" customHeight="1" x14ac:dyDescent="0.15">
      <c r="A7" s="18"/>
      <c r="B7" s="19" t="s">
        <v>5</v>
      </c>
      <c r="C7" s="19"/>
      <c r="D7" s="19"/>
    </row>
    <row r="8" spans="1:10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0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75</v>
      </c>
      <c r="G9" s="32"/>
      <c r="H9" s="33"/>
    </row>
    <row r="10" spans="1:10" ht="24.95" customHeight="1" x14ac:dyDescent="0.15">
      <c r="A10" s="26">
        <v>1</v>
      </c>
      <c r="B10" s="34" t="s">
        <v>12</v>
      </c>
      <c r="C10" s="35">
        <v>2</v>
      </c>
      <c r="D10" s="36" t="s">
        <v>15</v>
      </c>
      <c r="E10" s="37" t="s">
        <v>14</v>
      </c>
      <c r="F10" s="31">
        <v>90</v>
      </c>
      <c r="G10" s="38"/>
      <c r="H10" s="33"/>
    </row>
    <row r="11" spans="1:10" ht="24.95" customHeight="1" x14ac:dyDescent="0.15">
      <c r="A11" s="26">
        <v>1</v>
      </c>
      <c r="B11" s="34" t="s">
        <v>12</v>
      </c>
      <c r="C11" s="35">
        <v>3</v>
      </c>
      <c r="D11" s="36" t="s">
        <v>16</v>
      </c>
      <c r="E11" s="37" t="s">
        <v>14</v>
      </c>
      <c r="F11" s="31">
        <v>10</v>
      </c>
      <c r="G11" s="38"/>
      <c r="H11" s="33"/>
    </row>
    <row r="12" spans="1:10" ht="24.95" customHeight="1" x14ac:dyDescent="0.15">
      <c r="A12" s="26">
        <v>1</v>
      </c>
      <c r="B12" s="34" t="s">
        <v>12</v>
      </c>
      <c r="C12" s="35">
        <v>4</v>
      </c>
      <c r="D12" s="36" t="s">
        <v>17</v>
      </c>
      <c r="E12" s="37" t="s">
        <v>14</v>
      </c>
      <c r="F12" s="31">
        <v>10</v>
      </c>
      <c r="G12" s="38"/>
      <c r="H12" s="33"/>
    </row>
    <row r="13" spans="1:10" ht="24.95" customHeight="1" x14ac:dyDescent="0.15">
      <c r="A13" s="39">
        <v>2</v>
      </c>
      <c r="B13" s="40" t="s">
        <v>18</v>
      </c>
      <c r="C13" s="39">
        <v>1</v>
      </c>
      <c r="D13" s="41" t="s">
        <v>19</v>
      </c>
      <c r="E13" s="42" t="s">
        <v>14</v>
      </c>
      <c r="F13" s="43">
        <v>13</v>
      </c>
      <c r="G13" s="44"/>
      <c r="H13" s="45"/>
    </row>
    <row r="14" spans="1:10" ht="24.95" customHeight="1" x14ac:dyDescent="0.15">
      <c r="A14" s="26">
        <v>2</v>
      </c>
      <c r="B14" s="46" t="s">
        <v>18</v>
      </c>
      <c r="C14" s="26">
        <v>2</v>
      </c>
      <c r="D14" s="47" t="s">
        <v>20</v>
      </c>
      <c r="E14" s="48" t="s">
        <v>14</v>
      </c>
      <c r="F14" s="49">
        <v>40</v>
      </c>
      <c r="G14" s="50"/>
      <c r="H14" s="51"/>
    </row>
    <row r="15" spans="1:10" ht="24.95" customHeight="1" x14ac:dyDescent="0.15">
      <c r="A15" s="26">
        <v>2</v>
      </c>
      <c r="B15" s="34" t="s">
        <v>18</v>
      </c>
      <c r="C15" s="35">
        <v>3</v>
      </c>
      <c r="D15" s="36" t="s">
        <v>21</v>
      </c>
      <c r="E15" s="37" t="s">
        <v>14</v>
      </c>
      <c r="F15" s="31">
        <v>12</v>
      </c>
      <c r="G15" s="52"/>
      <c r="H15" s="33"/>
    </row>
    <row r="16" spans="1:10" ht="24.95" customHeight="1" x14ac:dyDescent="0.15">
      <c r="A16" s="26">
        <v>2</v>
      </c>
      <c r="B16" s="34" t="s">
        <v>18</v>
      </c>
      <c r="C16" s="35">
        <v>4</v>
      </c>
      <c r="D16" s="36" t="s">
        <v>22</v>
      </c>
      <c r="E16" s="37" t="s">
        <v>14</v>
      </c>
      <c r="F16" s="31">
        <v>52</v>
      </c>
      <c r="G16" s="38"/>
      <c r="H16" s="33"/>
    </row>
    <row r="17" spans="1:8" ht="24.95" customHeight="1" x14ac:dyDescent="0.15">
      <c r="A17" s="26">
        <v>2</v>
      </c>
      <c r="B17" s="34" t="s">
        <v>18</v>
      </c>
      <c r="C17" s="35">
        <v>5</v>
      </c>
      <c r="D17" s="36" t="s">
        <v>23</v>
      </c>
      <c r="E17" s="37" t="s">
        <v>14</v>
      </c>
      <c r="F17" s="31">
        <v>7</v>
      </c>
      <c r="G17" s="38"/>
      <c r="H17" s="33"/>
    </row>
    <row r="18" spans="1:8" ht="24.95" customHeight="1" x14ac:dyDescent="0.15">
      <c r="A18" s="39">
        <v>2</v>
      </c>
      <c r="B18" s="40" t="s">
        <v>18</v>
      </c>
      <c r="C18" s="39">
        <v>6</v>
      </c>
      <c r="D18" s="41" t="s">
        <v>24</v>
      </c>
      <c r="E18" s="42" t="s">
        <v>14</v>
      </c>
      <c r="F18" s="43">
        <v>17</v>
      </c>
      <c r="G18" s="53"/>
      <c r="H18" s="45"/>
    </row>
    <row r="19" spans="1:8" ht="24.95" customHeight="1" x14ac:dyDescent="0.15">
      <c r="A19" s="26">
        <v>3</v>
      </c>
      <c r="B19" s="46" t="s">
        <v>25</v>
      </c>
      <c r="C19" s="26">
        <v>1</v>
      </c>
      <c r="D19" s="47" t="s">
        <v>13</v>
      </c>
      <c r="E19" s="48" t="s">
        <v>14</v>
      </c>
      <c r="F19" s="49">
        <v>18</v>
      </c>
      <c r="G19" s="52"/>
      <c r="H19" s="51"/>
    </row>
    <row r="20" spans="1:8" ht="24.95" customHeight="1" x14ac:dyDescent="0.15">
      <c r="A20" s="26">
        <v>3</v>
      </c>
      <c r="B20" s="34" t="s">
        <v>25</v>
      </c>
      <c r="C20" s="35">
        <v>2</v>
      </c>
      <c r="D20" s="36" t="s">
        <v>15</v>
      </c>
      <c r="E20" s="37" t="s">
        <v>14</v>
      </c>
      <c r="F20" s="31">
        <v>18</v>
      </c>
      <c r="G20" s="38"/>
      <c r="H20" s="33"/>
    </row>
    <row r="21" spans="1:8" ht="24.95" customHeight="1" x14ac:dyDescent="0.15">
      <c r="A21" s="26">
        <v>3</v>
      </c>
      <c r="B21" s="34" t="s">
        <v>25</v>
      </c>
      <c r="C21" s="35">
        <v>3</v>
      </c>
      <c r="D21" s="36" t="s">
        <v>21</v>
      </c>
      <c r="E21" s="37" t="s">
        <v>14</v>
      </c>
      <c r="F21" s="31">
        <v>1</v>
      </c>
      <c r="G21" s="38"/>
      <c r="H21" s="33"/>
    </row>
    <row r="22" spans="1:8" ht="24.95" customHeight="1" x14ac:dyDescent="0.15">
      <c r="A22" s="26">
        <v>3</v>
      </c>
      <c r="B22" s="34" t="s">
        <v>25</v>
      </c>
      <c r="C22" s="35">
        <v>4</v>
      </c>
      <c r="D22" s="36" t="s">
        <v>22</v>
      </c>
      <c r="E22" s="37" t="s">
        <v>14</v>
      </c>
      <c r="F22" s="31">
        <v>2</v>
      </c>
      <c r="G22" s="38"/>
      <c r="H22" s="33"/>
    </row>
    <row r="23" spans="1:8" ht="24.95" customHeight="1" x14ac:dyDescent="0.15">
      <c r="A23" s="39">
        <v>3</v>
      </c>
      <c r="B23" s="40" t="s">
        <v>25</v>
      </c>
      <c r="C23" s="39">
        <v>5</v>
      </c>
      <c r="D23" s="41" t="s">
        <v>23</v>
      </c>
      <c r="E23" s="42" t="s">
        <v>14</v>
      </c>
      <c r="F23" s="43">
        <v>6</v>
      </c>
      <c r="G23" s="54"/>
      <c r="H23" s="45"/>
    </row>
    <row r="24" spans="1:8" ht="24.95" customHeight="1" x14ac:dyDescent="0.15">
      <c r="A24" s="26">
        <v>3</v>
      </c>
      <c r="B24" s="46" t="s">
        <v>25</v>
      </c>
      <c r="C24" s="26">
        <v>6</v>
      </c>
      <c r="D24" s="47" t="s">
        <v>24</v>
      </c>
      <c r="E24" s="55" t="s">
        <v>14</v>
      </c>
      <c r="F24" s="49">
        <v>6</v>
      </c>
      <c r="G24" s="52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26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39"/>
      <c r="B28" s="40"/>
      <c r="C28" s="39"/>
      <c r="D28" s="57"/>
      <c r="E28" s="39"/>
      <c r="F28" s="43"/>
      <c r="G28" s="53"/>
      <c r="H28" s="58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9"/>
      <c r="F33" s="43"/>
      <c r="G33" s="5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2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38"/>
      <c r="H38" s="33"/>
    </row>
    <row r="39" spans="1:8" ht="24.95" customHeight="1" thickBot="1" x14ac:dyDescent="0.2">
      <c r="A39" s="60" t="s">
        <v>26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27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28</v>
      </c>
      <c r="H42" s="65"/>
    </row>
    <row r="43" spans="1:8" ht="20.100000000000001" customHeight="1" x14ac:dyDescent="0.15">
      <c r="A43" s="65"/>
      <c r="B43" s="65" t="s">
        <v>29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30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31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32</v>
      </c>
      <c r="E46" s="65"/>
      <c r="F46" s="65"/>
      <c r="G46" s="65"/>
      <c r="H46" s="66" t="s">
        <v>33</v>
      </c>
    </row>
    <row r="47" spans="1:8" ht="20.100000000000001" customHeight="1" x14ac:dyDescent="0.15">
      <c r="A47" s="65"/>
      <c r="B47" s="65"/>
      <c r="C47" s="65"/>
      <c r="D47" s="66" t="s">
        <v>34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35</v>
      </c>
      <c r="E49" s="65"/>
      <c r="F49" s="68"/>
      <c r="G49" s="65"/>
      <c r="H49" s="66" t="s">
        <v>33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36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37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6" priority="7" stopIfTrue="1">
      <formula>ISERROR(B9)</formula>
    </cfRule>
  </conditionalFormatting>
  <conditionalFormatting sqref="B25:F38 B9:E24">
    <cfRule type="expression" dxfId="5" priority="6" stopIfTrue="1">
      <formula>ISERROR(B9)</formula>
    </cfRule>
  </conditionalFormatting>
  <conditionalFormatting sqref="A39">
    <cfRule type="expression" dxfId="4" priority="5" stopIfTrue="1">
      <formula>ISERROR(B39)</formula>
    </cfRule>
  </conditionalFormatting>
  <conditionalFormatting sqref="G9:G38">
    <cfRule type="expression" dxfId="3" priority="4" stopIfTrue="1">
      <formula>ISERROR(G9)</formula>
    </cfRule>
  </conditionalFormatting>
  <conditionalFormatting sqref="H9:H38">
    <cfRule type="expression" dxfId="2" priority="3" stopIfTrue="1">
      <formula>ISERROR(H9)</formula>
    </cfRule>
  </conditionalFormatting>
  <conditionalFormatting sqref="H39">
    <cfRule type="expression" dxfId="1" priority="2" stopIfTrue="1">
      <formula>ISERROR(H39)</formula>
    </cfRule>
  </conditionalFormatting>
  <conditionalFormatting sqref="F9:F24">
    <cfRule type="expression" dxfId="0" priority="1" stopIfTrue="1">
      <formula>ISERROR(F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10</vt:lpstr>
      <vt:lpstr>'210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高尾 日伽里</dc:creator>
  <cp:lastModifiedBy>高尾 日伽里</cp:lastModifiedBy>
  <dcterms:created xsi:type="dcterms:W3CDTF">2025-02-12T09:05:38Z</dcterms:created>
  <dcterms:modified xsi:type="dcterms:W3CDTF">2025-02-12T09:05:52Z</dcterms:modified>
</cp:coreProperties>
</file>